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351612E-488C-442E-AC89-213C32ACCAA3}" v="629" dt="2019-10-18T13:10:49.72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2352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26" y="52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D88B11-6CFA-4813-B029-4171C94D220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05F8786-270D-4B8D-A6F3-6AE21F2121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9DADEF-243B-4D45-AA7E-D1A64183DF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B13BC3-4B14-4AE7-A542-B3F5A70458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0B6F77-3C7B-4E14-B837-BD9E9B58D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61599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B4DCAD-F14B-4069-8782-CBB8BB6CBB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CACA048-B16B-4F79-9A6B-1F9B7D7B8E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E69B0F-3C20-45CE-B418-C4C7BBC27D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18DE6D-CD98-44F0-843A-929F64D033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2E3159-D10B-4C23-AE36-DA537EC97F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8882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8823F9-9472-48C5-BB9C-55C9A59D7EE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585CAD-B4E4-46C9-A64A-5692C8FB9C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2D8D16-919B-4911-9A67-0BD8C2DACB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9008621-0141-4470-8955-A6778644BA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DE4D34-D218-4D2E-86B7-00CEB426D1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1079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FCD8F8-762E-40B0-81D9-F44D41AFFF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E9C447-2FB1-46E6-90AD-568DCCE4245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17FAED-E919-4762-A5ED-7BB99942D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BF99C6-80B4-47A6-B90F-8DF1302D16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1DFCE2-9F4E-4501-A67B-435979F16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560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0505F0-1C71-4C57-9977-F8DAE17EAF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CD46A5-989D-4A6C-9E6E-A65C9B0F98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D78095-C9F0-4DAA-819A-25290D5346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A176B-2247-4848-841E-AEEAF5130F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E21865-3A7A-4777-BDD8-D8746578CE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00540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B3D337-8877-4091-B5A2-0A9D818D8F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9153AB-BF6F-4002-97AA-D4F2517DC76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E3D40D5-0A90-4952-91D1-C6808E2C00E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5023F4A-18CF-4D78-AE08-A3865A9107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790E80-36D1-4606-832B-976FD6102D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5B367EC-FE61-45AA-8C96-2B5D2138AC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32125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C2AF47-151E-4534-89C0-A8705E7FDE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FB619E-BB99-4677-AF33-A9155311D74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94BE55A-041A-4469-B363-A79FD65BEB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169328-0DDC-4ABB-B72E-D575ACF37D9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1B562C-D6EA-46A6-83EC-6FA0ACA7937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A3E3FAE-4EDE-41C9-BC2F-8826C48FA2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ED24C38-8F84-405A-BC6F-85F35736AD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913BDA6-E2D3-43D8-9324-D0DD28259A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26696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0A0700-4EB5-420E-A9AA-2622F89A28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B0A9218-18D9-4CBE-A5C1-DF40BA7B2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8397C61-4AEC-4618-A540-48B1BD1066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AB466B6-9200-446E-9598-A0FD7E03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60540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FCF1797-67C6-4982-AE03-071DB435EE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56FE418-DA22-4367-861F-43D6ADD50E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E7AFF6C-9833-4A92-B45B-7D4063688C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96146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E7DD12-DCAF-47EB-A78D-9F1C63AEEF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07A4A9-D21A-4D05-BE06-D07F3438A2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98018A8-2520-47D6-845B-E5BAF7AA0C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E65723-E09C-4198-9484-A32E65C7F3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9E60BA-01CC-4C87-B590-DB2967C54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9A5F6E7-6B81-491B-B428-1511597B8D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52058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2B7ABA-D453-4DBA-8053-32D986988E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3B4C46B-FBAA-4EE5-8D74-EAA19E675F3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A7BE4AD-D267-462C-9312-5BB942DB152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C36B66-02B3-4CC8-BE1C-70E2495617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BFD032A-4241-4407-9D52-FA16D12745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FC2EC60-32F4-4C9D-8F16-E1F6FB20A5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25038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4A80F36-F948-486F-8BAF-EC3ED71151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A6BC97-7BFE-4E82-998C-914146FEEC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E4A055-E16D-41BD-AF55-B92586BA0CD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51D45D-B824-41F6-A177-91459DD050E1}" type="datetimeFigureOut">
              <a:rPr lang="en-US" smtClean="0"/>
              <a:t>9/1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E1AEBC-404E-44ED-97F5-80FEA95919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74D4ED-6C65-46D6-81FF-615D412E85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5161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3C4DEEDF-5F2D-4EBB-B3ED-1D676F7391C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88920"/>
            <a:ext cx="11290300" cy="1223518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_0d46be7eef2a41c4bafef75a6dddf7e3_BackgroundRectangle"/>
          <p:cNvSpPr/>
          <p:nvPr>
            <p:custDataLst>
              <p:tags r:id="rId3"/>
            </p:custDataLst>
          </p:nvPr>
        </p:nvSpPr>
        <p:spPr>
          <a:xfrm>
            <a:off x="63500" y="4075938"/>
            <a:ext cx="11290300" cy="4064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_4dde9178330447bf8f1493ecf97f8e7c_BackgroundRectangle"/>
          <p:cNvSpPr/>
          <p:nvPr>
            <p:custDataLst>
              <p:tags r:id="rId4"/>
            </p:custDataLst>
          </p:nvPr>
        </p:nvSpPr>
        <p:spPr>
          <a:xfrm>
            <a:off x="63500" y="4545838"/>
            <a:ext cx="11290300" cy="406400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5"/>
            </p:custDataLst>
          </p:nvPr>
        </p:nvSpPr>
        <p:spPr>
          <a:xfrm>
            <a:off x="-220324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6"/>
            </p:custDataLst>
          </p:nvPr>
        </p:nvSpPr>
        <p:spPr>
          <a:xfrm>
            <a:off x="-220324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M_177188707e544830b8ce884a45b14d3a_Connector1">
            <a:extLst>
              <a:ext uri="{FF2B5EF4-FFF2-40B4-BE49-F238E27FC236}">
                <a16:creationId xmlns:a16="http://schemas.microsoft.com/office/drawing/2014/main" id="{9673448D-729D-4C0C-9DD5-21AC28144E25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413219" y="188319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63FBF83-3ECB-4340-91E5-C6B27495F0A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4465" y="233172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DEC09F6D-2D69-4EAF-9FFA-9B739CF5306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788920"/>
            <a:ext cx="660400" cy="1223518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_0d46be7eef2a41c4bafef75a6dddf7e3_HeaderRectangle"/>
          <p:cNvSpPr/>
          <p:nvPr>
            <p:custDataLst>
              <p:tags r:id="rId10"/>
            </p:custDataLst>
          </p:nvPr>
        </p:nvSpPr>
        <p:spPr>
          <a:xfrm>
            <a:off x="63500" y="4075938"/>
            <a:ext cx="660400" cy="406400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_4dde9178330447bf8f1493ecf97f8e7c_HeaderRectangle"/>
          <p:cNvSpPr/>
          <p:nvPr>
            <p:custDataLst>
              <p:tags r:id="rId11"/>
            </p:custDataLst>
          </p:nvPr>
        </p:nvSpPr>
        <p:spPr>
          <a:xfrm>
            <a:off x="63500" y="4545838"/>
            <a:ext cx="660400" cy="406400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039554A7-6790-48F0-94DA-E4319F8B861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470229" y="2585720"/>
            <a:ext cx="0" cy="23665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095998" y="2585720"/>
            <a:ext cx="0" cy="23665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G_00000000000000000000000000000000_ShapeBelow2"/>
          <p:cNvCxnSpPr/>
          <p:nvPr>
            <p:custDataLst>
              <p:tags r:id="rId14"/>
            </p:custDataLst>
          </p:nvPr>
        </p:nvCxnSpPr>
        <p:spPr>
          <a:xfrm>
            <a:off x="8721766" y="2585720"/>
            <a:ext cx="0" cy="23665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7" name="OTLSHAPE_SLT_5de98ffce11144f1a56a8516612800ff_Shape"/>
          <p:cNvSpPr/>
          <p:nvPr>
            <p:custDataLst>
              <p:tags r:id="rId15"/>
            </p:custDataLst>
          </p:nvPr>
        </p:nvSpPr>
        <p:spPr>
          <a:xfrm>
            <a:off x="2344644" y="3223810"/>
            <a:ext cx="5638800" cy="155025"/>
          </a:xfrm>
          <a:prstGeom prst="chevron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7" name="OTLSHAPE_SLT_f5b0a7750fa84944b997df0c20a6a784_Shape"/>
          <p:cNvSpPr/>
          <p:nvPr>
            <p:custDataLst>
              <p:tags r:id="rId16"/>
            </p:custDataLst>
          </p:nvPr>
        </p:nvSpPr>
        <p:spPr>
          <a:xfrm>
            <a:off x="7971290" y="3446442"/>
            <a:ext cx="2628900" cy="127000"/>
          </a:xfrm>
          <a:prstGeom prst="chevron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5" name="OTLSHAPE_SLT_561b7e76120d48c2ad7ee250cd4f4848_Shape"/>
          <p:cNvSpPr/>
          <p:nvPr>
            <p:custDataLst>
              <p:tags r:id="rId17"/>
            </p:custDataLst>
          </p:nvPr>
        </p:nvSpPr>
        <p:spPr>
          <a:xfrm>
            <a:off x="10222209" y="3740319"/>
            <a:ext cx="762000" cy="127000"/>
          </a:xfrm>
          <a:prstGeom prst="homePlat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528D16E-E026-46FE-AD6C-0602A2F8ACC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cbc6053273674742982e85d542978064_Shape"/>
          <p:cNvSpPr/>
          <p:nvPr>
            <p:custDataLst>
              <p:tags r:id="rId19"/>
            </p:custDataLst>
          </p:nvPr>
        </p:nvSpPr>
        <p:spPr>
          <a:xfrm rot="16200000">
            <a:off x="1886984" y="2907242"/>
            <a:ext cx="165100" cy="165100"/>
          </a:xfrm>
          <a:prstGeom prst="flowChartMerg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T_5de98ffce11144f1a56a8516612800ff_ShapePercentage"/>
          <p:cNvSpPr/>
          <p:nvPr>
            <p:custDataLst>
              <p:tags r:id="rId20"/>
            </p:custDataLst>
          </p:nvPr>
        </p:nvSpPr>
        <p:spPr>
          <a:xfrm>
            <a:off x="2344644" y="3223810"/>
            <a:ext cx="571500" cy="155025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8" name="OTLSHAPE_SLT_f5b0a7750fa84944b997df0c20a6a784_ShapePercentage" hidden="1"/>
          <p:cNvSpPr/>
          <p:nvPr>
            <p:custDataLst>
              <p:tags r:id="rId21"/>
            </p:custDataLst>
          </p:nvPr>
        </p:nvSpPr>
        <p:spPr>
          <a:xfrm>
            <a:off x="7971290" y="344644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6" name="OTLSHAPE_SLT_561b7e76120d48c2ad7ee250cd4f4848_ShapePercentage" hidden="1"/>
          <p:cNvSpPr/>
          <p:nvPr>
            <p:custDataLst>
              <p:tags r:id="rId22"/>
            </p:custDataLst>
          </p:nvPr>
        </p:nvSpPr>
        <p:spPr>
          <a:xfrm>
            <a:off x="10222209" y="374031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B2120BBA-1933-4FD7-9CFE-E7091BC0781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63500" y="3328691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mtClean="0">
                <a:solidFill>
                  <a:srgbClr val="203864"/>
                </a:solidFill>
                <a:latin typeface="Franklin Gothic Medium" panose="020B0603020102020204" pitchFamily="34" charset="0"/>
              </a:rPr>
              <a:t>Front-End</a:t>
            </a:r>
            <a:endParaRPr lang="en-US" sz="1000">
              <a:solidFill>
                <a:srgbClr val="203864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236" name="OTLSHAPE_SL_0d46be7eef2a41c4bafef75a6dddf7e3_Header"/>
          <p:cNvSpPr txBox="1"/>
          <p:nvPr>
            <p:custDataLst>
              <p:tags r:id="rId24"/>
            </p:custDataLst>
          </p:nvPr>
        </p:nvSpPr>
        <p:spPr>
          <a:xfrm>
            <a:off x="63500" y="4186111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rgbClr val="253917"/>
                </a:solidFill>
                <a:latin typeface="Calibri" panose="020F0502020204030204" pitchFamily="34" charset="0"/>
              </a:rPr>
              <a:t>Back-End</a:t>
            </a:r>
            <a:endParaRPr lang="en-US" sz="1200">
              <a:solidFill>
                <a:srgbClr val="253917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SL_4dde9178330447bf8f1493ecf97f8e7c_Header"/>
          <p:cNvSpPr txBox="1"/>
          <p:nvPr>
            <p:custDataLst>
              <p:tags r:id="rId25"/>
            </p:custDataLst>
          </p:nvPr>
        </p:nvSpPr>
        <p:spPr>
          <a:xfrm>
            <a:off x="63500" y="4562983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rgbClr val="161C23"/>
                </a:solidFill>
                <a:latin typeface="Calibri" panose="020F0502020204030204" pitchFamily="34" charset="0"/>
              </a:rPr>
              <a:t>Deployment</a:t>
            </a:r>
            <a:endParaRPr lang="en-US" sz="1200">
              <a:solidFill>
                <a:srgbClr val="161C23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26"/>
            </p:custDataLst>
          </p:nvPr>
        </p:nvSpPr>
        <p:spPr>
          <a:xfrm>
            <a:off x="808180" y="258572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02D68D6-BCEE-4CD6-A859-F8FEE9A0430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07965" y="2369820"/>
            <a:ext cx="4699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7A889C-AF6D-42C1-8D05-20E9BED2C076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533734" y="236982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664328E-1473-4111-93BA-CD26B24A80B7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159502" y="236982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09E6FF19-4953-49FD-9AD0-8981123C6B9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07965" y="21456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31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OTLSHAPE_SLM_cbc6053273674742982e85d542978064_Title"/>
          <p:cNvSpPr txBox="1"/>
          <p:nvPr>
            <p:custDataLst>
              <p:tags r:id="rId32"/>
            </p:custDataLst>
          </p:nvPr>
        </p:nvSpPr>
        <p:spPr>
          <a:xfrm>
            <a:off x="694623" y="282702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sign (Completed)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SLM_cbc6053273674742982e85d542978064_Date"/>
          <p:cNvSpPr txBox="1"/>
          <p:nvPr>
            <p:custDataLst>
              <p:tags r:id="rId33"/>
            </p:custDataLst>
          </p:nvPr>
        </p:nvSpPr>
        <p:spPr>
          <a:xfrm>
            <a:off x="1490448" y="299753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22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SLT_5de98ffce11144f1a56a8516612800ff_Duration" hidden="1"/>
          <p:cNvSpPr txBox="1"/>
          <p:nvPr>
            <p:custDataLst>
              <p:tags r:id="rId3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0" name="OTLSHAPE_SLT_5de98ffce11144f1a56a8516612800ff_StartDate" hidden="1"/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1" name="OTLSHAPE_SLT_5de98ffce11144f1a56a8516612800ff_EndDate" hidden="1"/>
          <p:cNvSpPr txBox="1"/>
          <p:nvPr>
            <p:custDataLst>
              <p:tags r:id="rId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SLT_5de98ffce11144f1a56a8516612800ff_JoinedDate"/>
          <p:cNvSpPr txBox="1"/>
          <p:nvPr>
            <p:custDataLst>
              <p:tags r:id="rId37"/>
            </p:custDataLst>
          </p:nvPr>
        </p:nvSpPr>
        <p:spPr>
          <a:xfrm>
            <a:off x="1578411" y="322381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23 - Oct 8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SLT_5de98ffce11144f1a56a8516612800ff_Title"/>
          <p:cNvSpPr txBox="1"/>
          <p:nvPr>
            <p:custDataLst>
              <p:tags r:id="rId38"/>
            </p:custDataLst>
          </p:nvPr>
        </p:nvSpPr>
        <p:spPr>
          <a:xfrm>
            <a:off x="8022090" y="3216063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HTML+CS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SLT_5de98ffce11144f1a56a8516612800ff_TextPercentage"/>
          <p:cNvSpPr txBox="1"/>
          <p:nvPr>
            <p:custDataLst>
              <p:tags r:id="rId39"/>
            </p:custDataLst>
          </p:nvPr>
        </p:nvSpPr>
        <p:spPr>
          <a:xfrm>
            <a:off x="2687726" y="322381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Calibri" panose="020F0502020204030204" pitchFamily="34" charset="0"/>
              </a:rPr>
              <a:t>10%</a:t>
            </a:r>
            <a:endParaRPr lang="en-US" sz="1000" spc="-1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8785271" y="236982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9" name="OTLSHAPE_SLT_f5b0a7750fa84944b997df0c20a6a784_Duration" hidden="1"/>
          <p:cNvSpPr txBox="1"/>
          <p:nvPr>
            <p:custDataLst>
              <p:tags r:id="rId4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SLT_f5b0a7750fa84944b997df0c20a6a784_TextPercentage" hidden="1"/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1" name="OTLSHAPE_SLT_f5b0a7750fa84944b997df0c20a6a784_StartDate" hidden="1"/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2" name="OTLSHAPE_SLT_f5b0a7750fa84944b997df0c20a6a784_EndDate" hidden="1"/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3" name="OTLSHAPE_SLT_f5b0a7750fa84944b997df0c20a6a784_JoinedDate"/>
          <p:cNvSpPr txBox="1"/>
          <p:nvPr>
            <p:custDataLst>
              <p:tags r:id="rId45"/>
            </p:custDataLst>
          </p:nvPr>
        </p:nvSpPr>
        <p:spPr>
          <a:xfrm>
            <a:off x="7212974" y="343242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8 - Oct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4" name="OTLSHAPE_SLT_f5b0a7750fa84944b997df0c20a6a784_Title"/>
          <p:cNvSpPr txBox="1"/>
          <p:nvPr>
            <p:custDataLst>
              <p:tags r:id="rId46"/>
            </p:custDataLst>
          </p:nvPr>
        </p:nvSpPr>
        <p:spPr>
          <a:xfrm>
            <a:off x="10647859" y="3424682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Javascrip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7" name="OTLSHAPE_SLT_561b7e76120d48c2ad7ee250cd4f4848_Duration" hidden="1"/>
          <p:cNvSpPr txBox="1"/>
          <p:nvPr>
            <p:custDataLst>
              <p:tags r:id="rId4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8" name="OTLSHAPE_SLT_561b7e76120d48c2ad7ee250cd4f4848_TextPercentage" hidden="1"/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9" name="OTLSHAPE_SLT_561b7e76120d48c2ad7ee250cd4f4848_StartDate" hidden="1"/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SLT_561b7e76120d48c2ad7ee250cd4f4848_EndDate" hidden="1"/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SLT_561b7e76120d48c2ad7ee250cd4f4848_JoinedDate"/>
          <p:cNvSpPr txBox="1"/>
          <p:nvPr>
            <p:custDataLst>
              <p:tags r:id="rId51"/>
            </p:custDataLst>
          </p:nvPr>
        </p:nvSpPr>
        <p:spPr>
          <a:xfrm>
            <a:off x="9399504" y="372630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15 - Oct 16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2" name="OTLSHAPE_SLT_561b7e76120d48c2ad7ee250cd4f4848_Title"/>
          <p:cNvSpPr txBox="1"/>
          <p:nvPr>
            <p:custDataLst>
              <p:tags r:id="rId52"/>
            </p:custDataLst>
          </p:nvPr>
        </p:nvSpPr>
        <p:spPr>
          <a:xfrm>
            <a:off x="11022969" y="3633301"/>
            <a:ext cx="965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Implement with database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id="{ECDFB61D-AC6B-45F1-A384-6EF28796D17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438619" y="188319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986964FC-E7AC-496E-84F2-2A6DE81A8F6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635470" y="176487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oject Sta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0C06C5E3-D887-4715-8D48-84E99654EC6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635470" y="196079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2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CDB2FF1F-063A-4956-AEC3-B0105D22CD44}"/>
              </a:ext>
            </a:extLst>
          </p:cNvPr>
          <p:cNvSpPr txBox="1"/>
          <p:nvPr/>
        </p:nvSpPr>
        <p:spPr>
          <a:xfrm>
            <a:off x="2905619" y="440454"/>
            <a:ext cx="638076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vi-VN" sz="4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TheDOC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63201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NC4wMC4wMS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ywiQWJzb2x1dGVQb3NpdGlvbiI6MTgzLjY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E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CIsIlRvcCI6MCwiTGVmdCI6MCwiUmlnaHQiOjAsIkJvdHRvbSI6MH0sIlBhZGRpbmciOnsiJGlkIjoiMTkxIiwiVG9wIjowLCJMZWZ0IjowLCJSaWdodCI6MCwiQm90dG9tIjowfSwiQmFja2dyb3VuZCI6eyIkcmVmIjoiODAifSwiSXNWaXNpYmxlIjp0cnV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yMDQiLCJNYXJnaW4iOnsiJHJlZiI6IjE0NSJ9LCJQYWRkaW5nIjp7IiRyZWYiOiIxNDYifSwiQmFja2dyb3VuZCI6eyIkaWQiOiIyMDUiLCJDb2xvciI6eyIkaWQiOiIyMDYiLCJBIjoxMjcsIlIiOjkxLCJHIjoxNTUsIkIiOjIxM319LCJJc1Zpc2libGUiOmZhbHNlLCJXaWR0aCI6MC4wLCJIZWlnaHQiOjAuMCwiQm9yZGVyU3R5bGUiOnsiJGlkIjoiMjA3IiwiTGluZUNvbG9yIjp7IiRyZWYiOiIxNTAi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MjA4IiwiTWFyZ2luIjp7IiRyZWYiOiIxNTUifSwiUGFkZGluZyI6eyIkcmVmIjoiMTU2In0sIkJhY2tncm91bmQiOnsiJGlkIjoiMjA5IiwiQ29sb3IiOnsiJGlkIjoiMjEwIiwiQSI6MzgsIlIiOjkxLCJHIjoxNTUsIkIiOjIxM319LCJJc1Zpc2libGUiOnRydWUsIldpZHRoIjowLjAsIkhlaWdodCI6MC4wLCJCb3JkZXJTdHlsZSI6eyIkaWQiOiIyMTEiLCJMaW5lQ29sb3IiOnsiJHJlZiI6IjE2MCJ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eyIkaWQiOiIyMTIiLCJfYXR0YWNoZWRNaWxlc3RvbmVzIjpbXSwiVGFza0RlZmluaXRpb24iOnsiJGlkIjoiMjEzIiwiR3JvdXBOYW1lIjpudWxsLCJTdGFydERhdGUiOiIyMDIwLTA5LTIzVDIzOjU5OjAwWiIsIkVuZERhdGUiOiIyMDIwLTEwLTA4VDIzOjU5OjAwWiIsIlBlcmNlbnRhZ2VDb21wbGV0ZSI6MTAuMCwiU3R5bGUiOnsiJGlkIjoiMjE0IiwiU2hhcGUiOjQsIlNoYXBlVGhpY2tuZXNzIjowLCJEdXJhdGlvbkZvcm1hdCI6MCwiSW5jbHVkZU5vbldvcmtpbmdEYXlzSW5EdXJhdGlvbiI6ZmFsc2UsIlBlcmNlbnRhZ2VDb21wbGV0ZVN0eWxlIjp7IiRpZCI6IjIxNSIsIkZvbnRTZXR0aW5ncyI6eyIkaWQiOiIyM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SwiVmVydGljYWxBbGlnbm1lbnQiOjAsIlNtYXJ0Rm9yZWdyb3VuZCI6bnVsbCwiQmFja2dyb3VuZEZpbGxUeXBlIjowLCJNYXJnaW4iOnsiJHJlZiI6Ijg4In0sIlBhZGRpbmciOnsiJHJlZiI6Ijg5In0sIkJhY2tncm91bmQiOnsiJHJlZiI6IjkwIn0sIklzVmlzaWJsZSI6dHJ1ZSwiV2lkdGgiOjAuMCwiSGVpZ2h0IjowLjAsIkJvcmRlclN0eWxlIjp7IiRpZCI6IjIxNyIsIkxpbmVDb2xvciI6bnVsbCwiTGluZVdlaWdodCI6MC4wLCJMaW5lVHlwZSI6MCwiUGFyZW50U3R5bGUiOm51bGx9LCJQYXJlbnRTdHlsZSI6bnVsbH0sIkR1cmF0aW9uU3R5bGUiOnsiJGlkIjoiMjE4IiwiRm9udFNldHRpbmdzIjp7IiRpZCI6IjIx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IwIiwiTGluZUNvbG9yIjpudWxsLCJMaW5lV2VpZ2h0IjowLjAsIkxpbmVUeXBlIjowLCJQYXJlbnRTdHlsZSI6bnVsbH0sIlBhcmVudFN0eWxlIjpudWxsfSwiSG9yaXpvbnRhbENvbm5lY3RvclN0eWxlIjp7IiRpZCI6IjIyMSIsIkxpbmVDb2xvciI6eyIkcmVmIjoiOTkifSwiTGluZVdlaWdodCI6MS4wLCJMaW5lVHlwZSI6MCwiUGFyZW50U3R5bGUiOm51bGx9LCJWZXJ0aWNhbENvbm5lY3RvclN0eWxlIjp7IiRpZCI6IjIyMiIsIkxpbmVDb2xvciI6eyIkcmVmIjoiMTAy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yMjMiLCJNYXJnaW4iOnsiJHJlZiI6IjEwNSJ9LCJQYWRkaW5nIjp7IiRyZWYiOiIxMDYifSwiQmFja2dyb3VuZCI6eyIkaWQiOiIyMjQiLCJDb2xvciI6eyIkaWQiOiIyMjUiLCJBIjoyNTUsIlIiOjgyLCJHIjoxNDcsIkIiOjIwNX19LCJJc1Zpc2libGUiOnRydWUsIldpZHRoIjowLjAsIkhlaWdodCI6MTAuMCwiQm9yZGVyU3R5bGUiOnsiJGlkIjoiMjI2IiwiTGluZUNvbG9yIjp7IiRyZWYiOiIxMTAifSwiTGluZVdlaWdodCI6MC4wLCJMaW5lVHlwZSI6MCwiUGFyZW50U3R5bGUiOm51bGx9LCJQYXJlbnRTdHlsZSI6bnVsbH0sIlRpdGxlU3R5bGUiOnsiJGlkIjoiMjI3IiwiRm9udFNldHRpbmdzIjp7IiRpZCI6IjIy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I5IiwiTGluZUNvbG9yIjpudWxsLCJMaW5lV2VpZ2h0IjowLjAsIkxpbmVUeXBlIjowLCJQYXJlbnRTdHlsZSI6bnVsbH0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QxIiwiTGluZUNvbG9yIjpudWxsLCJMaW5lV2VpZ2h0IjowLjAsIkxpbmVUeXBlIjowLCJQYXJlbnRTdHlsZSI6bnVsbH0sIlBhcmVudFN0eWxlIjpudWxsfSwiRHVyYXRpb25TdHlsZSI6eyIkaWQiOiIyNDIiLCJGb250U2V0dGluZ3MiOnsiJGlkIjoiMjQ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DQiLCJMaW5lQ29sb3IiOm51bGwsIkxpbmVXZWlnaHQiOjAuMCwiTGluZVR5cGUiOjAsIlBhcmVudFN0eWxlIjpudWxsfSwiUGFyZW50U3R5bGUiOm51bGx9LCJIb3Jpem9udGFsQ29ubmVjdG9yU3R5bGUiOnsiJGlkIjoiMjQ1IiwiTGluZUNvbG9yIjp7IiRyZWYiOiI5OSJ9LCJMaW5lV2VpZ2h0IjoxLjAsIkxpbmVUeXBlIjowLCJQYXJlbnRTdHlsZSI6bnVsbH0sIlZlcnRpY2FsQ29ubmVjdG9yU3R5bGUiOnsiJGlkIjoiMjQ2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0NyIsIk1hcmdpbiI6eyIkcmVmIjoiMTA1In0sIlBhZGRpbmciOnsiJHJlZiI6IjEwNiJ9LCJCYWNrZ3JvdW5kIjp7IiRpZCI6IjI0OCIsIkNvbG9yIjp7IiRpZCI6IjI0OSIsIkEiOjI1NSwiUiI6ODIsIkciOjE0NywiQiI6MjA1fX0sIklzVmlzaWJsZSI6dHJ1ZSwiV2lkdGgiOjAuMCwiSGVpZ2h0IjoxMC4wLCJCb3JkZXJTdHlsZSI6eyIkaWQiOiIyNTAiLCJMaW5lQ29sb3IiOnsiJHJlZiI6IjExMCJ9LCJMaW5lV2VpZ2h0IjowLjAsIkxpbmVUeXBlIjowLCJQYXJlbnRTdHlsZSI6bnVsbH0sIlBhcmVudFN0eWxlIjpudWxsfSwiVGl0bGVTdHlsZSI6eyIkaWQiOiIyNTEiLCJGb250U2V0dGluZ3MiOnsiJGlkIjoiMjUy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TMiLCJMaW5lQ29sb3IiOm51bGwsIkxpbmVXZWlnaHQiOjAuMCwiTGluZVR5cGUiOjAsIlBhcmVudFN0eWxlIjpudWxsfSwiUGFyZW50U3R5bGUiOm51bGx9LCJEYXRlU3R5bGUiOnsiJGlkIjoiMjU0IiwiRm9udFNldHRpbmdzIjp7IiRpZCI6IjI1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2NSIsIkxpbmVDb2xvciI6bnVsbCwiTGluZVdlaWdodCI6MC4wLCJMaW5lVHlwZSI6MCwiUGFyZW50U3R5bGUiOm51bGx9LCJQYXJlbnRTdHlsZSI6bnVsbH0sIkR1cmF0aW9uU3R5bGUiOnsiJGlkIjoiMjY2IiwiRm9udFNldHRpbmdzIjp7IiRpZCI6IjI2N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Y4IiwiTGluZUNvbG9yIjpudWxsLCJMaW5lV2VpZ2h0IjowLjAsIkxpbmVUeXBlIjowLCJQYXJlbnRTdHlsZSI6bnVsbH0sIlBhcmVudFN0eWxlIjpudWxsfSwiSG9yaXpvbnRhbENvbm5lY3RvclN0eWxlIjp7IiRpZCI6IjI2OSIsIkxpbmVDb2xvciI6eyIkcmVmIjoiOTkifSwiTGluZVdlaWdodCI6MS4wLCJMaW5lVHlwZSI6MCwiUGFyZW50U3R5bGUiOm51bGx9LCJWZXJ0aWNhbENvbm5lY3RvclN0eWxlIjp7IiRpZCI6IjI3MCIsIkxpbmVDb2xvciI6eyIkcmVmIjoiMTA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NzEiLCJNYXJnaW4iOnsiJHJlZiI6IjEwNSJ9LCJQYWRkaW5nIjp7IiRyZWYiOiIxMDYifSwiQmFja2dyb3VuZCI6eyIkaWQiOiIyNzIiLCJDb2xvciI6eyIkaWQiOiIyNzMiLCJBIjoyNTUsIlIiOjI1NCwiRyI6MTg2LCJCIjoxMH19LCJJc1Zpc2libGUiOnRydWUsIldpZHRoIjowLjAsIkhlaWdodCI6MTAuMCwiQm9yZGVyU3R5bGUiOnsiJGlkIjoiMjc0IiwiTGluZUNvbG9yIjp7IiRyZWYiOiIxMTAifSwiTGluZVdlaWdodCI6MC4wLCJMaW5lVHlwZSI6MCwiUGFyZW50U3R5bGUiOm51bGx9LCJQYXJlbnRTdHlsZSI6bnVsbH0sIlRpdGxlU3R5bGUiOnsiJGlkIjoiMjc1IiwiRm9udFNldHRpbmdzIjp7IiRpZCI6IjI3Ni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c3IiwiTGluZUNvbG9yIjpudWxsLCJMaW5lV2VpZ2h0IjowLjAsIkxpbmVUeXBlIjowLCJQYXJlbnRTdHlsZSI6bnVsbH0sIlBhcmVudFN0eWxlIjpudWxsfSwiRGF0ZVN0eWxlIjp7IiRpZCI6IjI3OCIsIkZvbnRTZXR0aW5ncyI6eyIkaWQiOiIyNz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yOTIiLCJGb250U2V0dGluZ3MiOnsiJGlkIjoiMjk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zMDIiLCJNYXJnaW4iOnsiJHJlZiI6IjE0NSJ9LCJQYWRkaW5nIjp7IiRyZWYiOiIxNDYifSwiQmFja2dyb3VuZCI6eyIkaWQiOiIzMDMiLCJDb2xvciI6eyIkaWQiOiIzMDQiLCJBIjoxMjcsIlIiOjExMiwiRyI6MTczLCJCIjo3MX19LCJJc1Zpc2libGUiOmZhbHNlLCJXaWR0aCI6MC4wLCJIZWlnaHQiOjAuMCwiQm9yZGVyU3R5bGUiOnsiJGlkIjoiMzA1IiwiTGluZUNvbG9yIjp7IiRpZCI6IjMwNiIsIiR0eXBlIjoiTkxSRS5Db21tb24uRG9tLlNvbGlkQ29sb3JCcnVzaCwgTkxSRS5Db21tb24iLCJDb2xvciI6eyIkaWQiOiIzMDciLCJBIjoyNTUsIlIiOjM3LCJHIjo1NywiQiI6MjN9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MzA4IiwiTWFyZ2luIjp7IiRyZWYiOiIxNTUifSwiUGFkZGluZyI6eyIkcmVmIjoiMTU2In0sIkJhY2tncm91bmQiOnsiJGlkIjoiMzA5IiwiQ29sb3IiOnsiJGlkIjoiMzEwIiwiQSI6MzgsIlIiOjExMiwiRyI6MTczLCJCIjo3MX19LCJJc1Zpc2libGUiOnRydWUsIldpZHRoIjowLjAsIkhlaWdodCI6MC4wLCJCb3JkZXJTdHlsZSI6eyIkaWQiOiIzMTEiLCJMaW5lQ29sb3IiOnsiJGlkIjoiMzEyIiwiJHR5cGUiOiJOTFJFLkNvbW1vbi5Eb20uU29saWRDb2xvckJydXNoLCBOTFJFLkNvbW1vbiIsIkNvbG9yIjp7IiRpZCI6IjMxMyIsIkEiOjI1NSwiUiI6MzcsIkciOjU3LCJCIjoyM31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MzIxIiwiTWFyZ2luIjp7IiRyZWYiOiIxNDUifSwiUGFkZGluZyI6eyIkcmVmIjoiMTQ2In0sIkJhY2tncm91bmQiOnsiJGlkIjoiMzIyIiwiQ29sb3IiOnsiJGlkIjoiMzIzIiwiQSI6MTI3LCJSIjo2OCwiRyI6ODQsIkIiOjEwNn19LCJJc1Zpc2libGUiOmZhbHNlLCJXaWR0aCI6MC4wLCJIZWlnaHQiOjAuMCwiQm9yZGVyU3R5bGUiOnsiJGlkIjoiMzI0IiwiTGluZUNvbG9yIjp7IiRpZCI6IjMyNSIsIiR0eXBlIjoiTkxSRS5Db21tb24uRG9tLlNvbGlkQ29sb3JCcnVzaCwgTkxSRS5Db21tb24iLCJDb2xvciI6eyIkaWQiOiIzMjYiLCJBIjoyNTUsIlIiOjIyLCJHIjoyOCwiQiI6MzV9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MzI3IiwiTWFyZ2luIjp7IiRyZWYiOiIxNTUifSwiUGFkZGluZyI6eyIkcmVmIjoiMTU2In0sIkJhY2tncm91bmQiOnsiJGlkIjoiMzI4IiwiQ29sb3IiOnsiJGlkIjoiMzI5IiwiQSI6MzgsIlIiOjY4LCJHIjo4NCwiQiI6MTA2fX0sIklzVmlzaWJsZSI6dHJ1ZSwiV2lkdGgiOjAuMCwiSGVpZ2h0IjowLjAsIkJvcmRlclN0eWxlIjp7IiRpZCI6IjMzMCIsIkxpbmVDb2xvciI6eyIkaWQiOiIzMzEiLCIkdHlwZSI6Ik5MUkUuQ29tbW9uLkRvbS5Tb2xpZENvbG9yQnJ1c2gsIE5MUkUuQ29tbW9uIiwiQ29sb3IiOnsiJGlkIjoiMzMyIiwiQSI6MjU1LCJSIjoyMiwiRyI6MjgsIkIiOjM1fX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dLCJNaWxlc3RvbmVzIjpbXX1dLCJNc1Byb2plY3RJdGVtc1RyZWUiOnsiJGlkIjoiMzMzIiwiUm9vdCI6eyJJbXBvcnRJZCI6bnVsbCwiSXNJbXBvcnRlZCI6ZmFsc2UsIkNoaWxkcmVuIjpbXX19LCJNZXRhZGF0YSI6eyIkaWQiOiIzMzQiLCJSZWNlbnRDb2xvcnNDb2xsZWN0aW9uIjoiW1wiI0ZGNTI5M0NEXCIsXCIjRkZDRTkyMDBcIixcIiNGRjc0QUQ0OVwiLFwiI0ZGNzM3MzczXCIsXCIjRkY0NDU0NkFcIixcIiNGRkZFQkEwQVwiLFwiI0ZGNzBBRDQ3XCIsXCIjRkZCMjBFMTJcIl0ifSwiU2V0dGluZ3MiOnsiJGlkIjoiMzM1IiwiSW1wYU9wdGlvbnMiOnsiJGlkIjoiMzM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M3IiwiVXNlVGltZSI6ZmFsc2UsIldvcmtEYXlTdGFydCI6IjAwOjAwOjAwIiwiV29ya0RheUVuZCI6IjIzOjU5OjAwIn0sIkxhc3RVc2VkVGVtcGxhdGVJZCI6ImYzNzQ2MDYzLTAwNGMtNDQ1ZC05MTg3LWNlZGY3YWNlMTQzYi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9-23T23:59:00.0000000Z"/>
  <p:tag name="OTLENDDATE" val="2020-10-08T23:59:00.0000000Z"/>
  <p:tag name="OTLPERCENTAGE" val="10"/>
  <p:tag name="OTLDURATIONFORMAT" val="day"/>
  <p:tag name="OTLSPACING" val="3"/>
  <p:tag name="OTLSHAPETHICKNESSTYPE" val="Thin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8T23:59:00.0000000Z"/>
  <p:tag name="OTLENDDATE" val="2020-10-15T23:59:00.0000000Z"/>
  <p:tag name="OTLDURATIONFORMAT" val="day"/>
  <p:tag name="OTLSPACING" val="3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15T00:00:00.0000000Z"/>
  <p:tag name="OTLENDDATE" val="2020-10-16T23:59:00.0000000Z"/>
  <p:tag name="OTLDURATIONFORMAT" val="day"/>
  <p:tag name="OTLSPACING" val="3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Design (Completed)"/>
  <p:tag name="OTLDATE" val="2020-09-22T23:59:00.000000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Project Start"/>
  <p:tag name="OTLDATE" val="2020-09-21T11:59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SCALETYPE" val="Weeks"/>
  <p:tag name="OTLTIMEBANDSCALEFORMAT" val="w"/>
  <p:tag name="OTLMARKERSHAPE" val="OTL"/>
  <p:tag name="OTLTIMEBANDENDDATE" val="2020-10-16T23:59:00.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1</Words>
  <Application>Microsoft Office PowerPoint</Application>
  <PresentationFormat>Widescreen</PresentationFormat>
  <Paragraphs>2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Franklin Gothic Medium</vt:lpstr>
      <vt:lpstr>Segoe UI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0:45Z</dcterms:created>
  <dcterms:modified xsi:type="dcterms:W3CDTF">2020-09-16T15:57:25Z</dcterms:modified>
</cp:coreProperties>
</file>